
<file path=[Content_Types].xml><?xml version="1.0" encoding="utf-8"?>
<Types xmlns="http://schemas.openxmlformats.org/package/2006/content-type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threadedComments/threadedComment1.xml" ContentType="application/vnd.ms-excel.threadedcomments+xml"/>
  <Override PartName="/xl/persons/person.xml" ContentType="application/vnd.ms-excel.perso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725"/>
  <workbookPr defaultThemeVersion="124226"/>
  <mc:AlternateContent xmlns:mc="http://schemas.openxmlformats.org/markup-compatibility/2006">
    <mc:Choice Requires="x15">
      <x15ac:absPath xmlns:x15ac="http://schemas.microsoft.com/office/spreadsheetml/2010/11/ac" url="C:\Users\s2029470\Desktop\Pre Employment\Tender Pack\"/>
    </mc:Choice>
  </mc:AlternateContent>
  <xr:revisionPtr revIDLastSave="0" documentId="13_ncr:1_{95514647-604F-42E5-BDB3-641054D2DA41}" xr6:coauthVersionLast="47" xr6:coauthVersionMax="47" xr10:uidLastSave="{00000000-0000-0000-0000-000000000000}"/>
  <bookViews>
    <workbookView xWindow="484" yWindow="1313" windowWidth="21358" windowHeight="9942" activeTab="1" xr2:uid="{00000000-000D-0000-FFFF-FFFF00000000}"/>
  </bookViews>
  <sheets>
    <sheet name="Destop Evaluation" sheetId="1" r:id="rId1"/>
    <sheet name="System Capability Evaluations" sheetId="2" r:id="rId2"/>
  </sheets>
  <definedNames>
    <definedName name="_xlnm.Print_Area" localSheetId="0">'Destop Evaluation'!$B$1:$E$22</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tc={572A23EB-2B23-4CD2-AD36-202BEB599EE5}</author>
  </authors>
  <commentList>
    <comment ref="B6" authorId="0" shapeId="0" xr:uid="{572A23EB-2B23-4CD2-AD36-202BEB599EE5}">
      <text>
        <t xml:space="preserve">[Threaded comment]
Your version of Excel allows you to read this threaded comment; however, any edits to it will get removed if the file is opened in a newer version of Excel. Learn more: https://go.microsoft.com/fwlink/?linkid=870924
Comment:
    Delete infrastructure </t>
      </text>
    </comment>
  </commentList>
</comments>
</file>

<file path=xl/sharedStrings.xml><?xml version="1.0" encoding="utf-8"?>
<sst xmlns="http://schemas.openxmlformats.org/spreadsheetml/2006/main" count="51" uniqueCount="48">
  <si>
    <t xml:space="preserve">ANNEXURE A1 - Desktop Evaluation Scorecard </t>
  </si>
  <si>
    <t>Weight</t>
  </si>
  <si>
    <t>Guideline</t>
  </si>
  <si>
    <t>2. Provision of screening services</t>
  </si>
  <si>
    <t xml:space="preserve">2.2.  The bidder must provide proof of ownership and/or access to the relevant and applicable post-matric qualifications verification databases and/or registers. If verification of post-matric qualifications are insourced by the bidder from third parties, service level agreements that are in place in this regard must be provided. </t>
  </si>
  <si>
    <t>2.3 The bidder must be able to verify/confirm access to the relevant and applicable international equivalence of matric and post matric qualifications verification sources.</t>
  </si>
  <si>
    <t>5. Testimonials</t>
  </si>
  <si>
    <t>Presentation technical requirements</t>
  </si>
  <si>
    <t>1. System Demonstration</t>
  </si>
  <si>
    <t>Individual and Bulk order functionality = 6
Only individual functionality = 3
No Individual and Bulk order functionality = 0</t>
  </si>
  <si>
    <t xml:space="preserve">Ability to detect editorial discrepancies prior to the records being processed for verification. = 3
No functionality = 0
</t>
  </si>
  <si>
    <t>• Direct and full access by the SARS’ VSC personnel to the bidder's system  = 2
• No direct and full access by the SARS’ VSC personnel to the bidder's system= 0</t>
  </si>
  <si>
    <t>• Paperless completion and submission of forms and documents, as relevant = 3
•  No  Paperless completion and submission of forms and documents, as relevant =0</t>
  </si>
  <si>
    <t>• Uploading capability = 2
•  No uploading capability =0</t>
  </si>
  <si>
    <t xml:space="preserve"> •	Real time tracking and monitoring capability including a live dashboard with the ability to view individual request progress and having an overview of all submitted requests. = 6
 • Either real time tracking and monitoring capability OR a live dashboard with the ability to view individual request progress and having an overview of all submitted requests. = 3
 •	No real time tracking and monitoring capability including a live dashboard with the ability to view individual request progress and having an overview of all submitted requests.  = 0</t>
  </si>
  <si>
    <t>•	Smart checklist portal to assist in ensuring completeness of information = 2                                                   • No checklist verification =0</t>
  </si>
  <si>
    <t>• Automated system notifications where TAT is breached and alert to the requestor of any outstanding and/or additional information required for a verification = 3
• No automated system notifications where TAT is breached = 0</t>
  </si>
  <si>
    <t xml:space="preserve">3. Turnaround Time </t>
  </si>
  <si>
    <t>3.1. The bidder must provide service level agreements indicating turnaround times, in instances whereby they rely on other service providers for the required information, and dependencies for all screening services that are applicable to this tender.  The delays must be quantified in number of days</t>
  </si>
  <si>
    <t>4. Capability</t>
  </si>
  <si>
    <t>4.3 The bidder must provide proof that the specific team members assigned to the SARS account have undergone POPIA training in the last 24 months.</t>
  </si>
  <si>
    <t xml:space="preserve">4.4. The bidder must illustrate a process on how they handle discrepancies between screening check results and submitted information. </t>
  </si>
  <si>
    <t xml:space="preserve">ANNEXURE A2 - Presentation Evaluation Scorecard </t>
  </si>
  <si>
    <t>1. Company Profile Infrastructure and Resources</t>
  </si>
  <si>
    <t>2.1 The bidder must provide proof of access to the relevant and applicable Matric qualification verification agencies,  sources and relevant departments (post and pre-1992) including the service level agreements that are in place in this regard.</t>
  </si>
  <si>
    <t>4.2. The bidder must provide a template of their Operator Agreement (Section 21 of POPIA) which they sign with their own sub-contractors (e.g., verification agencies)</t>
  </si>
  <si>
    <t>TOTAL                                                                                             70</t>
  </si>
  <si>
    <t>a) The bidder has provided an organogram detailing the operational structure of the pre-employment screening unit stipulating the personnel’s responsibilities, reporting lines, and roles of the team members responsible including their experience and qualifications.
Organogram including requested information provided = 4 point
No organogram including requested information provided = 0 points
b) Years of experience in actively providing pre-employment screening services: 
10 and more years = 3 points
5 to less than 10 years = 1.5 points
Less than 5 Years  = 0 points
c) The full contact details of the Key Account Manager, who will be assigned to SARS, indicating their technical expertise including his/her role and responsibilities. 
Information provided:  1 point
No information provided: 0 points</t>
  </si>
  <si>
    <r>
      <t>The bidder has</t>
    </r>
    <r>
      <rPr>
        <sz val="10"/>
        <rFont val="Arial"/>
        <charset val="134"/>
      </rPr>
      <t xml:space="preserve"> provided a template of their Operator Agreement (Section 21 of POPIA) which they sign with their own sub-contractors (e.g., </t>
    </r>
    <r>
      <rPr>
        <sz val="10"/>
        <rFont val="Arial"/>
        <family val="2"/>
      </rPr>
      <t>verification agencies</t>
    </r>
    <r>
      <rPr>
        <sz val="10"/>
        <rFont val="Arial"/>
        <charset val="134"/>
      </rPr>
      <t>)</t>
    </r>
    <r>
      <rPr>
        <sz val="10"/>
        <rFont val="Arial"/>
        <family val="2"/>
      </rPr>
      <t xml:space="preserve">
- Template for the Operator Agreement with sub-contractors provided = 2 </t>
    </r>
    <r>
      <rPr>
        <sz val="10"/>
        <rFont val="Arial"/>
        <charset val="134"/>
      </rPr>
      <t xml:space="preserve">
- Template not provided = 0</t>
    </r>
  </si>
  <si>
    <t>Desktop technical requirements</t>
  </si>
  <si>
    <t>The bidder is able to verify/confirm access to the relevant and applicable international equivalence of matric and post matric qualifications verification sources 
 - Sample of an international matric and post matric qualification verification outcome report = 2
No sample provided = 0</t>
  </si>
  <si>
    <t xml:space="preserve">The bidder has provided Letter/SLA/Contract/MOU from qualification and screening verification agencies, sources and relevant departments which shows the TAT indicated below:
• Matric and equivalent international qualification
- pre-1992 = 5 days up to 14 days
- post 1992 = 12 hours up to 24 hours
- International Matric equivalent=  (5 days up to 15 days )
Meet TAT for all three (3) requirements = 8
Meet TAT for two (2) of the requirements =5
Meet TAT for one (1) of the requirements = 3
Meet none of the requirements = 0
• Tertiary academic qualifications 
-National Public Qualifications 3 days up to 5 days 
-National Private Qualifications 3 days up to 5 days 
-International Qualifications 5 days up to 25 days 
-SETA Qualifications 5 days up to 7 days 
-TVET Qualifications 5 days up to 15 days 
Meet TAT for all 5 requirements = 8
Meet TAT for at least 3 requirements = 5
Meet TAT for only one requirement = 3
Meet none of the requirements = 0
</t>
  </si>
  <si>
    <t>•A candidate's identity/passport to be verified within 24 hours  (1)
-ID/passport number validation; and 
-ID/passport number verification 
Meet TAT for both requirements = 1
Meet TAT for only one requirement =  0.5
Meet none of the requirements = 0
• Citizenship status to be verified within 24 hours (1)
-Work permit 
- Temporary residence permit
- Permanent residence
- Refugees and/ or asylum seeker status 
Meet TAT for all four (4) requirements = 1
Meet TAT for two (2) of the requirements = 0.5
Meet less than 2 of the requirements = 0
• Other Requirements (1)
-Driver’s license within 24 hours.
-Credit record within 24 hours.
Meet all of the requirements if and where applicable = 1
Meet one (1) of the requirements if and where applicable = 0.5
Meet less than 2 one of the requirements = 0
• Membership of professional associations (national and/or international) within 24 hours  
Meet TAT = 1
Does not meet requirement = 0
Consolidated Report (1)  
- Consolidated standard personal credential verification (PCV), excluding the qualifications-related  exceptions as outlined above is provided within 48 hours = 1
- No consolidated standard personal credential verification report (PCV) = 0</t>
  </si>
  <si>
    <t xml:space="preserve">4.1. The bidder must provide a detailed process flow in implementing the Protection of Personal Information Act, 2013 (Act No. 4 of 2013) including but not limited to how they source, use, collate, disseminate and store personal information
</t>
  </si>
  <si>
    <r>
      <t>The bidder has provided a detailed process flow</t>
    </r>
    <r>
      <rPr>
        <sz val="10"/>
        <rFont val="Arial"/>
        <charset val="134"/>
      </rPr>
      <t xml:space="preserve"> illustrating how the Protection of Personal Information Act, 2013 is implemented including: 
Source information = 1
Use information = 1
Collate information = 1
Disseminate information = 1 
Store personal information =1
No information provided = 0 </t>
    </r>
  </si>
  <si>
    <t xml:space="preserve">1.1 The bidder must provide in their response to SARS the following detail:
a) The company’s organogram with the operational structure of the pre-employment screening unit stipulating the personnel’s responsibilities, reporting lines and roles of each of the team members assigned to the SARS account, including their experience and qualifications. 
b) The bidder must have at least 5 years’ experience actively involved in the pre-employment screening industry with a breakdown of such services rendered, alliances and partnerships. 
c) The full contact details of the Key Accounts Manager, who will be assigned to SARS, indicating their technical expertise including his/her role and responsibilities. </t>
  </si>
  <si>
    <t>2.4.Other required screening services, as outlined below, that are insourced by the bidder from third parties, including the service level agreements that are in place in this regard must be provided:
1. A candidate's Identity/Passport
2. Citizenship status 
3. Driver’s license
4. Professional Membership
5. Credit record check</t>
  </si>
  <si>
    <t>The bidder has provided proof of access to the relevant and applicable Matric qualification verification agencies, sources and relevant departments 
- Letter/SLA/Contract/MOU  proving access to the relevant and applicable pre-1992 verification sources, agencies and relevant departments 
 - Letter/SLA/Contract  proving access to the relevant and applicable post 1992 database
Meet all two (2) requirements = 3
Meet one (1) of the requirements = 1
Meet none of the requirements = 0</t>
  </si>
  <si>
    <r>
      <t>The bidder has provided proof of ownershipand/or access to the relevant and applicable post-matric qualifications verification databases and/or registers. 
 - Letter/SLA/Contract/Certification of ownership of post-matric qualifications verification databases and/or registers.  = 10
 -  Letter/SLA/Contract/MOU/Certification  for access to the relevant and applicable post-matric qualifications verification databases and/or registers= 5
 -  Letter/SLA/Contract/MOU/Certification  with various institutions with access to third party data for post-matric qualifications verfication databases and/or registers</t>
    </r>
    <r>
      <rPr>
        <b/>
        <sz val="10"/>
        <rFont val="Arial"/>
        <family val="2"/>
      </rPr>
      <t>.</t>
    </r>
    <r>
      <rPr>
        <sz val="10"/>
        <rFont val="Arial"/>
        <family val="2"/>
      </rPr>
      <t xml:space="preserve"> = 3
 - No information = 0
</t>
    </r>
  </si>
  <si>
    <t>The bidder has provided proof of other required screening services: 
1. Letter/Contract/Certification/SLA/MOU from Home Affairs or relevant verification and screening agencies for candidate's identity/passport verification =1
2.  Letter/Contract/Certification/SLA/MOU from Home Affairs or relevant verification and screening agencies for citizenship status =1
3. Letter/Contract/Certification/SLA/MOU/Subscription with e-NaTIs or relevant verification and screening agencies for driver’s license verification =1
4. Sample of Professional Membership verification outcome report (redacted) =1
5. Letter/Contract/SLA/MOU/Subscription proving access to credit bureau for credit records checks = 1</t>
  </si>
  <si>
    <t xml:space="preserve">The bidder has provided proof that the specific team members assigned to the SARS account have undergone POPIA training in the last 24 months
 - Certificate of competency/attendance of training provided = 2
- Training information not provided = 0
</t>
  </si>
  <si>
    <t xml:space="preserve">The bidder has illustrated a process flow on handling discrepancies between screening check results and submitted information
- Process flow on how screening outcome discrepancies are handled provided = 2 Process flow not provided = 0 </t>
  </si>
  <si>
    <r>
      <t xml:space="preserve">The bidder </t>
    </r>
    <r>
      <rPr>
        <b/>
        <sz val="10"/>
        <rFont val="Arial"/>
        <family val="2"/>
      </rPr>
      <t>has</t>
    </r>
    <r>
      <rPr>
        <sz val="10"/>
        <rFont val="Arial"/>
        <family val="2"/>
      </rPr>
      <t xml:space="preserve"> submitted two (2) contactable reference letters. Refer to Annexure A1 which is to be completed by the Bidder's clients. The provided reference letters are from two (2) recent clients (contract ending not older than 2 years), where pre-employment screening services were provided:
• Client name;
</t>
    </r>
    <r>
      <rPr>
        <sz val="10"/>
        <rFont val="Arial"/>
        <charset val="134"/>
      </rPr>
      <t>• The client's contact person and contact details;
• Duration of the contract;
• Description of the services; 
The above will not be evaluated but are required as per Annexure A1.  The exclusion of any of the above information will result in the reference letter not being considered.
Points allocation
•	Service Delivery and Reliability = 1
•	Technical and System Performance =1 
•	Support and Problem Solving = 1
•	The company’s integrity and ethical standards = 1
•	The Bottom Line (Price vs. Value for money) and working relationship = 1 
Rating per criteria
Good = 1
Average = 0.5
Poor = 0</t>
    </r>
  </si>
  <si>
    <r>
      <t>5.1. The bidder must provide two (2) contactable reference letters from its clients where similar pre-employment screening services have been provided within the past two (2) years. The reference letters must be signed, dated and contain the following: Client name; Contact person and Contact details; Duration of the contract and Description of the services.
Each reference letter provided by the bidder’s clients should indicate and rate the following:</t>
    </r>
    <r>
      <rPr>
        <sz val="10"/>
        <rFont val="Arial"/>
        <charset val="134"/>
      </rPr>
      <t xml:space="preserve">
•	Service Delivery and Reliability
•	Technical and System Performance
•	Support and Problem Solving
•	The company’s integrity and ethical standards
•	The Bottom Line (Price vs. Value for money) and working relationship. 
Notes: 
•  Annexure A1 may be copied to the client’s company letterhead or authenticated with a company stamp.  
•	Information that is not relevant to the required services will not be considered.
NB: Please note that SARS will sample and reserves the right to contact the Service Provider’s clients for a reference check.</t>
    </r>
    <r>
      <rPr>
        <b/>
        <sz val="10"/>
        <color rgb="FF92D050"/>
        <rFont val="Arial"/>
        <family val="2"/>
      </rPr>
      <t>.</t>
    </r>
    <r>
      <rPr>
        <sz val="10"/>
        <rFont val="Arial"/>
        <charset val="134"/>
      </rPr>
      <t xml:space="preserve"> It is important to ensure that the clients who provided written testimonials listed on the Service Provider’s schedule are contactable.</t>
    </r>
  </si>
  <si>
    <t xml:space="preserve"> Submission of a consolidated personal credential verification (PCV) report in PDF format via email, to the requestor, upon completion=3
• No consolidated personal credential verification (PCV) report in PDF format via email upon completion = 0</t>
  </si>
  <si>
    <t>1.1. The bidder must demonstrate that the system has the following minimum capabilities but not limited to: 
•	Individual and bulk order functionality.
•	Ability to detect editorial discrepancies prior to the records being processed for verification.
•	Direct and full access by the SARS’ VSC personnel to the bidder's system. 
•	Paperless completion and submission of forms and documents, as applicable.
•	Uploading capability.
•	Real time tracking and monitoring capability including a live dashboard with the ability to view individual request progress and having an overview of all submitted requests. 
•	Smart checklist portal to assist in ensuring completeness of information.
•	Automated notifications system to notify requestors of delays where verification checks exceeded agreed upon turnaround times and alerts to the requestor of any outstanding and/or additional information required for a verification.
•	Submission of a consolidated personal credential verification (PCV) report in PDF format via email, to the requestor, upon completion.</t>
  </si>
  <si>
    <t>TOTAL POINTS OUT OF</t>
  </si>
  <si>
    <t xml:space="preserve">RFP 48/2025: PROVISION OF PRE-EMPLOYMENT SCREENING SERVICES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F800]dddd\,\ mmmm\ dd\,\ yyyy"/>
  </numFmts>
  <fonts count="21">
    <font>
      <sz val="11"/>
      <color theme="1"/>
      <name val="Calibri"/>
      <charset val="134"/>
      <scheme val="minor"/>
    </font>
    <font>
      <sz val="22"/>
      <color theme="1"/>
      <name val="Calibri"/>
      <charset val="134"/>
      <scheme val="minor"/>
    </font>
    <font>
      <b/>
      <sz val="12"/>
      <color theme="0"/>
      <name val="Arial"/>
      <charset val="134"/>
    </font>
    <font>
      <b/>
      <sz val="10"/>
      <color rgb="FFFFFFFF"/>
      <name val="Arial"/>
      <charset val="134"/>
    </font>
    <font>
      <b/>
      <sz val="10"/>
      <color theme="0"/>
      <name val="Arial"/>
      <charset val="134"/>
    </font>
    <font>
      <b/>
      <sz val="8"/>
      <color theme="1"/>
      <name val="Arial"/>
      <charset val="134"/>
    </font>
    <font>
      <sz val="10"/>
      <name val="Arial"/>
      <charset val="134"/>
    </font>
    <font>
      <sz val="10"/>
      <color theme="1"/>
      <name val="Arial"/>
      <charset val="134"/>
    </font>
    <font>
      <sz val="8"/>
      <name val="Arial"/>
      <charset val="134"/>
    </font>
    <font>
      <sz val="10"/>
      <color theme="1"/>
      <name val="Calibri"/>
      <charset val="134"/>
      <scheme val="minor"/>
    </font>
    <font>
      <sz val="11"/>
      <color theme="1"/>
      <name val="Calibri"/>
      <charset val="134"/>
      <scheme val="minor"/>
    </font>
    <font>
      <sz val="10"/>
      <color theme="1"/>
      <name val="Arial"/>
      <family val="2"/>
    </font>
    <font>
      <sz val="10"/>
      <name val="Arial"/>
      <family val="2"/>
    </font>
    <font>
      <b/>
      <sz val="10"/>
      <color rgb="FFFFFFFF"/>
      <name val="Arial"/>
      <family val="2"/>
    </font>
    <font>
      <b/>
      <sz val="12"/>
      <color theme="0"/>
      <name val="Arial"/>
      <family val="2"/>
    </font>
    <font>
      <sz val="22"/>
      <color theme="1"/>
      <name val="Calibri"/>
      <family val="2"/>
      <scheme val="minor"/>
    </font>
    <font>
      <b/>
      <sz val="10"/>
      <color rgb="FF92D050"/>
      <name val="Arial"/>
      <family val="2"/>
    </font>
    <font>
      <sz val="11"/>
      <name val="Calibri"/>
      <charset val="134"/>
      <scheme val="minor"/>
    </font>
    <font>
      <b/>
      <sz val="10"/>
      <name val="Arial"/>
      <family val="2"/>
    </font>
    <font>
      <sz val="9"/>
      <name val="Segoe UI"/>
      <family val="2"/>
    </font>
    <font>
      <b/>
      <sz val="10"/>
      <name val="Arial"/>
      <charset val="134"/>
    </font>
  </fonts>
  <fills count="5">
    <fill>
      <patternFill patternType="none"/>
    </fill>
    <fill>
      <patternFill patternType="gray125"/>
    </fill>
    <fill>
      <patternFill patternType="solid">
        <fgColor theme="4" tint="-0.249977111117893"/>
        <bgColor indexed="64"/>
      </patternFill>
    </fill>
    <fill>
      <patternFill patternType="solid">
        <fgColor theme="3" tint="0.39994506668294322"/>
        <bgColor indexed="64"/>
      </patternFill>
    </fill>
    <fill>
      <patternFill patternType="solid">
        <fgColor theme="0"/>
        <bgColor indexed="64"/>
      </patternFill>
    </fill>
  </fills>
  <borders count="14">
    <border>
      <left/>
      <right/>
      <top/>
      <bottom/>
      <diagonal/>
    </border>
    <border>
      <left/>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right style="thin">
        <color auto="1"/>
      </right>
      <top/>
      <bottom/>
      <diagonal/>
    </border>
    <border>
      <left style="thin">
        <color auto="1"/>
      </left>
      <right style="thin">
        <color auto="1"/>
      </right>
      <top/>
      <bottom style="thin">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medium">
        <color auto="1"/>
      </left>
      <right style="thin">
        <color auto="1"/>
      </right>
      <top style="thin">
        <color auto="1"/>
      </top>
      <bottom style="thin">
        <color auto="1"/>
      </bottom>
      <diagonal/>
    </border>
    <border>
      <left style="medium">
        <color auto="1"/>
      </left>
      <right style="thin">
        <color auto="1"/>
      </right>
      <top/>
      <bottom/>
      <diagonal/>
    </border>
  </borders>
  <cellStyleXfs count="2">
    <xf numFmtId="0" fontId="0" fillId="0" borderId="0"/>
    <xf numFmtId="164" fontId="10" fillId="0" borderId="0"/>
  </cellStyleXfs>
  <cellXfs count="61">
    <xf numFmtId="0" fontId="0" fillId="0" borderId="0" xfId="0"/>
    <xf numFmtId="164" fontId="2" fillId="2" borderId="5" xfId="1" applyFont="1" applyFill="1" applyBorder="1" applyAlignment="1">
      <alignment horizontal="left" vertical="top" wrapText="1"/>
    </xf>
    <xf numFmtId="0" fontId="3" fillId="2" borderId="5" xfId="1" applyNumberFormat="1" applyFont="1" applyFill="1" applyBorder="1" applyAlignment="1">
      <alignment horizontal="left" vertical="top" wrapText="1"/>
    </xf>
    <xf numFmtId="164" fontId="4" fillId="0" borderId="5" xfId="1" applyFont="1" applyBorder="1" applyAlignment="1">
      <alignment horizontal="left" vertical="top" wrapText="1"/>
    </xf>
    <xf numFmtId="164" fontId="3" fillId="3" borderId="5" xfId="1" applyFont="1" applyFill="1" applyBorder="1" applyAlignment="1">
      <alignment horizontal="left" vertical="top" wrapText="1"/>
    </xf>
    <xf numFmtId="164" fontId="5" fillId="0" borderId="5" xfId="1" applyFont="1" applyBorder="1" applyAlignment="1">
      <alignment horizontal="left" vertical="top" wrapText="1"/>
    </xf>
    <xf numFmtId="2" fontId="5" fillId="0" borderId="5" xfId="1" applyNumberFormat="1" applyFont="1" applyBorder="1" applyAlignment="1">
      <alignment horizontal="left" vertical="top" wrapText="1"/>
    </xf>
    <xf numFmtId="0" fontId="0" fillId="3" borderId="0" xfId="0" applyFill="1"/>
    <xf numFmtId="0" fontId="3" fillId="2" borderId="5" xfId="1" applyNumberFormat="1" applyFont="1" applyFill="1" applyBorder="1" applyAlignment="1">
      <alignment horizontal="left" vertical="center" wrapText="1"/>
    </xf>
    <xf numFmtId="1" fontId="6" fillId="3" borderId="5" xfId="1" applyNumberFormat="1" applyFont="1" applyFill="1" applyBorder="1" applyAlignment="1">
      <alignment horizontal="center" vertical="top" wrapText="1"/>
    </xf>
    <xf numFmtId="164" fontId="3" fillId="3" borderId="5" xfId="1" applyFont="1" applyFill="1" applyBorder="1" applyAlignment="1">
      <alignment horizontal="left" vertical="center" wrapText="1"/>
    </xf>
    <xf numFmtId="0" fontId="6" fillId="4" borderId="5" xfId="1" applyNumberFormat="1" applyFont="1" applyFill="1" applyBorder="1" applyAlignment="1">
      <alignment horizontal="center" vertical="top" wrapText="1"/>
    </xf>
    <xf numFmtId="164" fontId="4" fillId="3" borderId="12" xfId="1" applyFont="1" applyFill="1" applyBorder="1" applyAlignment="1">
      <alignment horizontal="left" vertical="top" wrapText="1"/>
    </xf>
    <xf numFmtId="0" fontId="6" fillId="3" borderId="5" xfId="1" applyNumberFormat="1" applyFont="1" applyFill="1" applyBorder="1" applyAlignment="1">
      <alignment horizontal="center" vertical="top" wrapText="1"/>
    </xf>
    <xf numFmtId="164" fontId="7" fillId="3" borderId="5" xfId="1" applyFont="1" applyFill="1" applyBorder="1" applyAlignment="1">
      <alignment horizontal="left" vertical="top" wrapText="1"/>
    </xf>
    <xf numFmtId="0" fontId="0" fillId="4" borderId="0" xfId="0" applyFill="1"/>
    <xf numFmtId="164" fontId="6" fillId="3" borderId="5" xfId="1" applyFont="1" applyFill="1" applyBorder="1" applyAlignment="1">
      <alignment horizontal="left" vertical="top" wrapText="1"/>
    </xf>
    <xf numFmtId="0" fontId="7" fillId="3" borderId="5" xfId="1" applyNumberFormat="1" applyFont="1" applyFill="1" applyBorder="1" applyAlignment="1">
      <alignment horizontal="center" vertical="top" wrapText="1"/>
    </xf>
    <xf numFmtId="164" fontId="8" fillId="3" borderId="5" xfId="1" applyFont="1" applyFill="1" applyBorder="1" applyAlignment="1">
      <alignment horizontal="left" vertical="top" wrapText="1"/>
    </xf>
    <xf numFmtId="164" fontId="12" fillId="4" borderId="5" xfId="1" applyFont="1" applyFill="1" applyBorder="1" applyAlignment="1">
      <alignment horizontal="left" vertical="top" wrapText="1"/>
    </xf>
    <xf numFmtId="164" fontId="13" fillId="3" borderId="12" xfId="1" applyFont="1" applyFill="1" applyBorder="1" applyAlignment="1">
      <alignment horizontal="left" vertical="center" wrapText="1"/>
    </xf>
    <xf numFmtId="164" fontId="12" fillId="0" borderId="12" xfId="1" applyFont="1" applyBorder="1" applyAlignment="1">
      <alignment horizontal="left" vertical="top" wrapText="1"/>
    </xf>
    <xf numFmtId="0" fontId="12" fillId="4" borderId="5" xfId="1" applyNumberFormat="1" applyFont="1" applyFill="1" applyBorder="1" applyAlignment="1">
      <alignment horizontal="center" vertical="top" wrapText="1"/>
    </xf>
    <xf numFmtId="0" fontId="12" fillId="4" borderId="12" xfId="1" applyNumberFormat="1" applyFont="1" applyFill="1" applyBorder="1" applyAlignment="1">
      <alignment horizontal="left" vertical="top" wrapText="1"/>
    </xf>
    <xf numFmtId="164" fontId="12" fillId="0" borderId="5" xfId="1" applyFont="1" applyBorder="1" applyAlignment="1">
      <alignment horizontal="left" vertical="top" wrapText="1"/>
    </xf>
    <xf numFmtId="0" fontId="12" fillId="0" borderId="8" xfId="0" applyFont="1" applyBorder="1" applyAlignment="1">
      <alignment horizontal="left" vertical="top" wrapText="1"/>
    </xf>
    <xf numFmtId="164" fontId="14" fillId="2" borderId="12" xfId="1" applyFont="1" applyFill="1" applyBorder="1" applyAlignment="1">
      <alignment horizontal="left" vertical="center" wrapText="1"/>
    </xf>
    <xf numFmtId="164" fontId="12" fillId="4" borderId="7" xfId="1" applyFont="1" applyFill="1" applyBorder="1" applyAlignment="1">
      <alignment horizontal="left" vertical="top" wrapText="1"/>
    </xf>
    <xf numFmtId="0" fontId="17" fillId="0" borderId="0" xfId="0" applyFont="1"/>
    <xf numFmtId="0" fontId="17" fillId="0" borderId="0" xfId="0" applyFont="1" applyAlignment="1">
      <alignment vertical="top"/>
    </xf>
    <xf numFmtId="164" fontId="18" fillId="3" borderId="12" xfId="1" applyFont="1" applyFill="1" applyBorder="1" applyAlignment="1">
      <alignment horizontal="left" vertical="center" wrapText="1"/>
    </xf>
    <xf numFmtId="164" fontId="20" fillId="3" borderId="5" xfId="1" applyFont="1" applyFill="1" applyBorder="1" applyAlignment="1">
      <alignment horizontal="left" vertical="center" wrapText="1"/>
    </xf>
    <xf numFmtId="164" fontId="12" fillId="4" borderId="12" xfId="1" applyFont="1" applyFill="1" applyBorder="1" applyAlignment="1">
      <alignment horizontal="left" vertical="top" wrapText="1"/>
    </xf>
    <xf numFmtId="0" fontId="17" fillId="4" borderId="0" xfId="0" applyFont="1" applyFill="1"/>
    <xf numFmtId="0" fontId="17" fillId="4" borderId="0" xfId="0" applyFont="1" applyFill="1" applyAlignment="1">
      <alignment vertical="top"/>
    </xf>
    <xf numFmtId="0" fontId="19" fillId="4" borderId="0" xfId="0" applyFont="1" applyFill="1"/>
    <xf numFmtId="1" fontId="6" fillId="4" borderId="5" xfId="1" applyNumberFormat="1" applyFont="1" applyFill="1" applyBorder="1" applyAlignment="1">
      <alignment horizontal="center" vertical="top" wrapText="1"/>
    </xf>
    <xf numFmtId="1" fontId="12" fillId="4" borderId="5" xfId="1" applyNumberFormat="1" applyFont="1" applyFill="1" applyBorder="1" applyAlignment="1">
      <alignment horizontal="center" vertical="top" wrapText="1"/>
    </xf>
    <xf numFmtId="0" fontId="6" fillId="0" borderId="7" xfId="1" applyNumberFormat="1" applyFont="1" applyBorder="1" applyAlignment="1">
      <alignment horizontal="center" vertical="top" wrapText="1"/>
    </xf>
    <xf numFmtId="0" fontId="11" fillId="0" borderId="0" xfId="0" applyFont="1"/>
    <xf numFmtId="1" fontId="6" fillId="3" borderId="5" xfId="1" applyNumberFormat="1" applyFont="1" applyFill="1" applyBorder="1" applyAlignment="1">
      <alignment horizontal="center" vertical="center" wrapText="1"/>
    </xf>
    <xf numFmtId="0" fontId="17" fillId="0" borderId="0" xfId="0" applyFont="1" applyAlignment="1">
      <alignment vertical="center"/>
    </xf>
    <xf numFmtId="164" fontId="12" fillId="4" borderId="13" xfId="1" applyFont="1" applyFill="1" applyBorder="1" applyAlignment="1">
      <alignment horizontal="left" vertical="top" wrapText="1"/>
    </xf>
    <xf numFmtId="0" fontId="11" fillId="0" borderId="5" xfId="0" applyFont="1" applyBorder="1" applyAlignment="1">
      <alignment vertical="top"/>
    </xf>
    <xf numFmtId="0" fontId="11" fillId="0" borderId="5" xfId="0" applyFont="1" applyBorder="1"/>
    <xf numFmtId="0" fontId="1" fillId="0" borderId="0" xfId="0" applyFont="1" applyAlignment="1">
      <alignment horizontal="center"/>
    </xf>
    <xf numFmtId="164" fontId="14" fillId="2" borderId="10" xfId="1" applyFont="1" applyFill="1" applyBorder="1" applyAlignment="1" applyProtection="1">
      <alignment horizontal="left" vertical="center" wrapText="1"/>
      <protection locked="0"/>
    </xf>
    <xf numFmtId="164" fontId="2" fillId="2" borderId="11" xfId="1" applyFont="1" applyFill="1" applyBorder="1" applyAlignment="1" applyProtection="1">
      <alignment horizontal="left" vertical="center" wrapText="1"/>
      <protection locked="0"/>
    </xf>
    <xf numFmtId="0" fontId="9" fillId="0" borderId="0" xfId="0" applyFont="1" applyAlignment="1">
      <alignment horizontal="left" vertical="top" wrapText="1"/>
    </xf>
    <xf numFmtId="0" fontId="9" fillId="0" borderId="0" xfId="0" applyFont="1" applyAlignment="1">
      <alignment horizontal="left" vertical="top"/>
    </xf>
    <xf numFmtId="0" fontId="15" fillId="0" borderId="1" xfId="0" applyFont="1" applyBorder="1" applyAlignment="1">
      <alignment horizontal="center"/>
    </xf>
    <xf numFmtId="0" fontId="1" fillId="0" borderId="1" xfId="0" applyFont="1" applyBorder="1" applyAlignment="1">
      <alignment horizontal="center"/>
    </xf>
    <xf numFmtId="164" fontId="14" fillId="2" borderId="2" xfId="1" applyFont="1" applyFill="1" applyBorder="1" applyAlignment="1" applyProtection="1">
      <alignment horizontal="left" vertical="center" wrapText="1"/>
      <protection locked="0"/>
    </xf>
    <xf numFmtId="164" fontId="2" fillId="2" borderId="3" xfId="1" applyFont="1" applyFill="1" applyBorder="1" applyAlignment="1" applyProtection="1">
      <alignment horizontal="left" vertical="center" wrapText="1"/>
      <protection locked="0"/>
    </xf>
    <xf numFmtId="164" fontId="2" fillId="2" borderId="4" xfId="1" applyFont="1" applyFill="1" applyBorder="1" applyAlignment="1" applyProtection="1">
      <alignment horizontal="left" vertical="center" wrapText="1"/>
      <protection locked="0"/>
    </xf>
    <xf numFmtId="164" fontId="12" fillId="0" borderId="6" xfId="1" applyFont="1" applyBorder="1" applyAlignment="1">
      <alignment horizontal="left" vertical="top" wrapText="1"/>
    </xf>
    <xf numFmtId="164" fontId="12" fillId="0" borderId="7" xfId="1" applyFont="1" applyBorder="1" applyAlignment="1">
      <alignment horizontal="left" vertical="top" wrapText="1"/>
    </xf>
    <xf numFmtId="164" fontId="12" fillId="0" borderId="9" xfId="1" applyFont="1" applyBorder="1" applyAlignment="1">
      <alignment horizontal="left" vertical="top" wrapText="1"/>
    </xf>
    <xf numFmtId="0" fontId="12" fillId="0" borderId="6" xfId="1" applyNumberFormat="1" applyFont="1" applyBorder="1" applyAlignment="1">
      <alignment horizontal="left" vertical="top" wrapText="1"/>
    </xf>
    <xf numFmtId="0" fontId="12" fillId="0" borderId="7" xfId="1" applyNumberFormat="1" applyFont="1" applyBorder="1" applyAlignment="1">
      <alignment horizontal="left" vertical="top" wrapText="1"/>
    </xf>
    <xf numFmtId="0" fontId="12" fillId="0" borderId="9" xfId="1" applyNumberFormat="1" applyFont="1" applyBorder="1" applyAlignment="1">
      <alignment horizontal="left" vertical="top" wrapText="1"/>
    </xf>
  </cellXfs>
  <cellStyles count="2">
    <cellStyle name="Normal" xfId="0" builtinId="0"/>
    <cellStyle name="Normal 6" xfId="1" xr:uid="{00000000-0005-0000-0000-00003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17/10/relationships/person" Target="persons/person.xml"/><Relationship Id="rId5" Type="http://schemas.openxmlformats.org/officeDocument/2006/relationships/sharedStrings" Target="sharedStrings.xml"/><Relationship Id="rId4" Type="http://schemas.openxmlformats.org/officeDocument/2006/relationships/styles" Target="styles.xml"/></Relationships>
</file>

<file path=xl/persons/person.xml><?xml version="1.0" encoding="utf-8"?>
<personList xmlns="http://schemas.microsoft.com/office/spreadsheetml/2018/threadedcomments" xmlns:x="http://schemas.openxmlformats.org/spreadsheetml/2006/main">
  <person displayName="Tumelo Gopane" id="{00B2AAA9-C319-44BA-A320-2CB7BDDE7702}" userId="S::TGopane@sars.gov.za::a83a3671-d957-43d7-bd73-dd192b54361d" providerId="AD"/>
</personList>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threadedComments/threadedComment1.xml><?xml version="1.0" encoding="utf-8"?>
<ThreadedComments xmlns="http://schemas.microsoft.com/office/spreadsheetml/2018/threadedcomments" xmlns:x="http://schemas.openxmlformats.org/spreadsheetml/2006/main">
  <threadedComment ref="B6" dT="2026-03-16T17:58:35.83" personId="{00B2AAA9-C319-44BA-A320-2CB7BDDE7702}" id="{572A23EB-2B23-4CD2-AD36-202BEB599EE5}">
    <text xml:space="preserve">Delete infrastructure </text>
  </threadedComment>
</ThreadedComments>
</file>

<file path=xl/worksheets/_rels/sheet1.xml.rels><?xml version="1.0" encoding="UTF-8" standalone="yes"?>
<Relationships xmlns="http://schemas.openxmlformats.org/package/2006/relationships"><Relationship Id="rId3" Type="http://schemas.microsoft.com/office/2017/10/relationships/threadedComment" Target="../threadedComments/threadedComment1.xml"/><Relationship Id="rId2" Type="http://schemas.openxmlformats.org/officeDocument/2006/relationships/comments" Target="../comments1.xml"/><Relationship Id="rId1"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F25"/>
  <sheetViews>
    <sheetView showGridLines="0" showWhiteSpace="0" zoomScale="115" zoomScaleNormal="70" workbookViewId="0">
      <selection activeCell="B5" sqref="B5"/>
    </sheetView>
  </sheetViews>
  <sheetFormatPr defaultColWidth="9" defaultRowHeight="14.4"/>
  <cols>
    <col min="1" max="1" width="7" customWidth="1"/>
    <col min="2" max="2" width="50.09765625" customWidth="1"/>
    <col min="3" max="3" width="11.09765625" customWidth="1"/>
    <col min="4" max="4" width="73.296875" customWidth="1"/>
  </cols>
  <sheetData>
    <row r="2" spans="2:6" ht="28.25">
      <c r="B2" s="45" t="s">
        <v>0</v>
      </c>
      <c r="C2" s="45"/>
      <c r="D2" s="45"/>
    </row>
    <row r="4" spans="2:6" ht="43.5" customHeight="1">
      <c r="B4" s="46" t="s">
        <v>47</v>
      </c>
      <c r="C4" s="47"/>
      <c r="D4" s="47"/>
    </row>
    <row r="5" spans="2:6" ht="15.55">
      <c r="B5" s="26" t="s">
        <v>29</v>
      </c>
      <c r="C5" s="8" t="s">
        <v>1</v>
      </c>
      <c r="D5" s="8" t="s">
        <v>2</v>
      </c>
    </row>
    <row r="6" spans="2:6" ht="26.25" customHeight="1">
      <c r="B6" s="20" t="s">
        <v>23</v>
      </c>
      <c r="C6" s="9">
        <v>8</v>
      </c>
      <c r="D6" s="10"/>
    </row>
    <row r="7" spans="2:6" s="28" customFormat="1" ht="205.65" customHeight="1">
      <c r="B7" s="21" t="s">
        <v>35</v>
      </c>
      <c r="C7" s="11">
        <v>8</v>
      </c>
      <c r="D7" s="24" t="s">
        <v>27</v>
      </c>
    </row>
    <row r="8" spans="2:6" ht="24.8" customHeight="1">
      <c r="B8" s="12" t="s">
        <v>3</v>
      </c>
      <c r="C8" s="13">
        <v>20</v>
      </c>
      <c r="D8" s="14"/>
    </row>
    <row r="9" spans="2:6" s="28" customFormat="1" ht="105.45" customHeight="1">
      <c r="B9" s="21" t="s">
        <v>24</v>
      </c>
      <c r="C9" s="22">
        <v>3</v>
      </c>
      <c r="D9" s="19" t="s">
        <v>37</v>
      </c>
    </row>
    <row r="10" spans="2:6" s="29" customFormat="1" ht="118.1" customHeight="1">
      <c r="B10" s="21" t="s">
        <v>4</v>
      </c>
      <c r="C10" s="22">
        <v>10</v>
      </c>
      <c r="D10" s="19" t="s">
        <v>38</v>
      </c>
    </row>
    <row r="11" spans="2:6" s="34" customFormat="1" ht="58.2" customHeight="1">
      <c r="B11" s="32" t="s">
        <v>5</v>
      </c>
      <c r="C11" s="22">
        <v>2</v>
      </c>
      <c r="D11" s="19" t="s">
        <v>30</v>
      </c>
      <c r="E11" s="35"/>
      <c r="F11" s="28"/>
    </row>
    <row r="12" spans="2:6" s="34" customFormat="1" ht="155.94999999999999" customHeight="1">
      <c r="B12" s="23" t="s">
        <v>36</v>
      </c>
      <c r="C12" s="22">
        <v>5</v>
      </c>
      <c r="D12" s="19" t="s">
        <v>39</v>
      </c>
      <c r="F12" s="29"/>
    </row>
    <row r="13" spans="2:6" s="41" customFormat="1" ht="26.25" customHeight="1">
      <c r="B13" s="30" t="s">
        <v>17</v>
      </c>
      <c r="C13" s="40">
        <v>21</v>
      </c>
      <c r="D13" s="31"/>
    </row>
    <row r="14" spans="2:6" s="29" customFormat="1" ht="281.10000000000002" customHeight="1">
      <c r="B14" s="23" t="s">
        <v>18</v>
      </c>
      <c r="C14" s="11"/>
      <c r="D14" s="19" t="s">
        <v>31</v>
      </c>
    </row>
    <row r="15" spans="2:6" s="29" customFormat="1" ht="395.75" customHeight="1">
      <c r="B15" s="23"/>
      <c r="C15" s="11"/>
      <c r="D15" s="19" t="s">
        <v>32</v>
      </c>
    </row>
    <row r="16" spans="2:6" ht="26.25" customHeight="1">
      <c r="B16" s="20" t="s">
        <v>19</v>
      </c>
      <c r="C16" s="9">
        <v>11</v>
      </c>
      <c r="D16" s="10"/>
    </row>
    <row r="17" spans="1:4" s="33" customFormat="1" ht="122.15" customHeight="1">
      <c r="B17" s="32" t="s">
        <v>33</v>
      </c>
      <c r="C17" s="36">
        <v>5</v>
      </c>
      <c r="D17" s="19" t="s">
        <v>34</v>
      </c>
    </row>
    <row r="18" spans="1:4" s="33" customFormat="1" ht="54.75" customHeight="1">
      <c r="B18" s="32" t="s">
        <v>25</v>
      </c>
      <c r="C18" s="36">
        <v>2</v>
      </c>
      <c r="D18" s="19" t="s">
        <v>28</v>
      </c>
    </row>
    <row r="19" spans="1:4" s="33" customFormat="1" ht="53.6" customHeight="1">
      <c r="B19" s="32" t="s">
        <v>20</v>
      </c>
      <c r="C19" s="36">
        <v>2</v>
      </c>
      <c r="D19" s="19" t="s">
        <v>40</v>
      </c>
    </row>
    <row r="20" spans="1:4" s="33" customFormat="1" ht="55.9" customHeight="1">
      <c r="B20" s="32" t="s">
        <v>21</v>
      </c>
      <c r="C20" s="37">
        <v>2</v>
      </c>
      <c r="D20" s="19" t="s">
        <v>41</v>
      </c>
    </row>
    <row r="21" spans="1:4" s="7" customFormat="1" ht="26.25" customHeight="1">
      <c r="A21" s="15"/>
      <c r="B21" s="16" t="s">
        <v>6</v>
      </c>
      <c r="C21" s="17">
        <v>10</v>
      </c>
      <c r="D21" s="18"/>
    </row>
    <row r="22" spans="1:4" s="28" customFormat="1" ht="312.8" customHeight="1">
      <c r="B22" s="42" t="s">
        <v>43</v>
      </c>
      <c r="C22" s="38"/>
      <c r="D22" s="27" t="s">
        <v>42</v>
      </c>
    </row>
    <row r="23" spans="1:4" s="39" customFormat="1" ht="26.25" customHeight="1">
      <c r="B23" s="43" t="s">
        <v>26</v>
      </c>
      <c r="C23" s="43"/>
      <c r="D23" s="44"/>
    </row>
    <row r="24" spans="1:4" ht="26.25" customHeight="1">
      <c r="B24" s="48"/>
      <c r="C24" s="49"/>
    </row>
    <row r="25" spans="1:4" ht="26.25" customHeight="1">
      <c r="B25" s="48"/>
      <c r="C25" s="49"/>
    </row>
  </sheetData>
  <mergeCells count="4">
    <mergeCell ref="B2:D2"/>
    <mergeCell ref="B4:D4"/>
    <mergeCell ref="B24:C24"/>
    <mergeCell ref="B25:C25"/>
  </mergeCells>
  <dataValidations count="1">
    <dataValidation type="list" allowBlank="1" showInputMessage="1" showErrorMessage="1" sqref="F21 F11" xr:uid="{00000000-0002-0000-0000-000000000000}">
      <formula1>$F$6:$F$20</formula1>
    </dataValidation>
  </dataValidations>
  <pageMargins left="0.70866141732283505" right="0.70866141732283505" top="0.74803149606299202" bottom="0.74803149606299202" header="0.31496062992126" footer="0.31496062992126"/>
  <pageSetup paperSize="8" scale="65" orientation="landscape"/>
  <headerFooter>
    <oddHeader>&amp;L&amp;"-,Bold"Vendor Name: &amp;C&amp;"-,Bold"Evaluator's Name:
Signature:
Date:</oddHeader>
  </headerFooter>
  <rowBreaks count="1" manualBreakCount="1">
    <brk id="12" max="6" man="1"/>
  </rowBreaks>
  <legacy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1:G15"/>
  <sheetViews>
    <sheetView tabSelected="1" zoomScale="92" zoomScaleNormal="81" workbookViewId="0">
      <selection activeCell="B3" sqref="B3"/>
    </sheetView>
  </sheetViews>
  <sheetFormatPr defaultColWidth="9" defaultRowHeight="14.4"/>
  <cols>
    <col min="1" max="1" width="3.296875" customWidth="1"/>
    <col min="2" max="2" width="58.8984375" customWidth="1"/>
    <col min="3" max="3" width="9.296875" customWidth="1"/>
    <col min="4" max="4" width="65.59765625" customWidth="1"/>
    <col min="6" max="7" width="9" hidden="1" customWidth="1"/>
  </cols>
  <sheetData>
    <row r="1" spans="2:7" ht="28.25">
      <c r="B1" s="50" t="s">
        <v>22</v>
      </c>
      <c r="C1" s="51"/>
      <c r="D1" s="51"/>
    </row>
    <row r="2" spans="2:7" ht="15.55">
      <c r="B2" s="52" t="s">
        <v>47</v>
      </c>
      <c r="C2" s="53"/>
      <c r="D2" s="54"/>
    </row>
    <row r="3" spans="2:7" ht="15.55">
      <c r="B3" s="1" t="s">
        <v>7</v>
      </c>
      <c r="C3" s="2" t="s">
        <v>1</v>
      </c>
      <c r="D3" s="2" t="s">
        <v>2</v>
      </c>
    </row>
    <row r="4" spans="2:7">
      <c r="B4" s="3"/>
      <c r="C4" s="3"/>
      <c r="D4" s="3"/>
      <c r="F4">
        <v>0</v>
      </c>
      <c r="G4">
        <v>0</v>
      </c>
    </row>
    <row r="5" spans="2:7">
      <c r="B5" s="4" t="s">
        <v>8</v>
      </c>
      <c r="C5" s="4"/>
      <c r="D5" s="4"/>
      <c r="F5">
        <v>1</v>
      </c>
      <c r="G5">
        <v>10</v>
      </c>
    </row>
    <row r="6" spans="2:7" ht="47.95" customHeight="1">
      <c r="B6" s="55" t="s">
        <v>45</v>
      </c>
      <c r="C6" s="58">
        <v>30</v>
      </c>
      <c r="D6" s="24" t="s">
        <v>9</v>
      </c>
    </row>
    <row r="7" spans="2:7" ht="41.5" customHeight="1">
      <c r="B7" s="56"/>
      <c r="C7" s="59"/>
      <c r="D7" s="24" t="s">
        <v>10</v>
      </c>
    </row>
    <row r="8" spans="2:7" ht="38.6" customHeight="1">
      <c r="B8" s="56"/>
      <c r="C8" s="59"/>
      <c r="D8" s="24" t="s">
        <v>11</v>
      </c>
      <c r="F8">
        <v>2</v>
      </c>
    </row>
    <row r="9" spans="2:7" ht="30.55" customHeight="1">
      <c r="B9" s="56"/>
      <c r="C9" s="59"/>
      <c r="D9" s="25" t="s">
        <v>12</v>
      </c>
      <c r="F9">
        <v>3</v>
      </c>
    </row>
    <row r="10" spans="2:7" ht="34" customHeight="1">
      <c r="B10" s="56"/>
      <c r="C10" s="59"/>
      <c r="D10" s="24" t="s">
        <v>13</v>
      </c>
      <c r="F10">
        <v>4</v>
      </c>
    </row>
    <row r="11" spans="2:7" ht="115.2" customHeight="1">
      <c r="B11" s="56"/>
      <c r="C11" s="59"/>
      <c r="D11" s="24" t="s">
        <v>14</v>
      </c>
    </row>
    <row r="12" spans="2:7" ht="32.85" customHeight="1">
      <c r="B12" s="56"/>
      <c r="C12" s="59"/>
      <c r="D12" s="24" t="s">
        <v>15</v>
      </c>
    </row>
    <row r="13" spans="2:7" ht="43.2" customHeight="1">
      <c r="B13" s="56"/>
      <c r="C13" s="59"/>
      <c r="D13" s="24" t="s">
        <v>16</v>
      </c>
    </row>
    <row r="14" spans="2:7" ht="39.200000000000003" customHeight="1">
      <c r="B14" s="57"/>
      <c r="C14" s="60"/>
      <c r="D14" s="24" t="s">
        <v>44</v>
      </c>
    </row>
    <row r="15" spans="2:7">
      <c r="B15" s="5" t="s">
        <v>46</v>
      </c>
      <c r="C15" s="6">
        <v>30</v>
      </c>
      <c r="D15" s="5"/>
    </row>
  </sheetData>
  <mergeCells count="4">
    <mergeCell ref="B1:D1"/>
    <mergeCell ref="B2:D2"/>
    <mergeCell ref="B6:B14"/>
    <mergeCell ref="C6:C14"/>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vt:i4>
      </vt:variant>
      <vt:variant>
        <vt:lpstr>Named Ranges</vt:lpstr>
      </vt:variant>
      <vt:variant>
        <vt:i4>1</vt:i4>
      </vt:variant>
    </vt:vector>
  </HeadingPairs>
  <TitlesOfParts>
    <vt:vector size="3" baseType="lpstr">
      <vt:lpstr>Destop Evaluation</vt:lpstr>
      <vt:lpstr>System Capability Evaluations</vt:lpstr>
      <vt:lpstr>'Destop Evaluation'!Print_Area</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echel Mokgehle</dc:creator>
  <cp:lastModifiedBy>Alfred Masemene</cp:lastModifiedBy>
  <cp:lastPrinted>2020-09-03T12:31:00Z</cp:lastPrinted>
  <dcterms:created xsi:type="dcterms:W3CDTF">2018-04-13T10:18:00Z</dcterms:created>
  <dcterms:modified xsi:type="dcterms:W3CDTF">2026-03-31T08:56: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CV">
    <vt:lpwstr>2BE1C2283FB049208F16329DE10AAC3F_13</vt:lpwstr>
  </property>
  <property fmtid="{D5CDD505-2E9C-101B-9397-08002B2CF9AE}" pid="3" name="KSOProductBuildVer">
    <vt:lpwstr>1033-12.2.0.23196</vt:lpwstr>
  </property>
</Properties>
</file>